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8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4044\Desktop\HP掲載用\HP掲載用（R8.1.1）\"/>
    </mc:Choice>
  </mc:AlternateContent>
  <xr:revisionPtr revIDLastSave="0" documentId="13_ncr:1_{9F450417-4C4A-4F01-A7FC-D38BF83E3C82}" xr6:coauthVersionLast="36" xr6:coauthVersionMax="47" xr10:uidLastSave="{00000000-0000-0000-0000-000000000000}"/>
  <bookViews>
    <workbookView xWindow="-105" yWindow="-105" windowWidth="23250" windowHeight="12450" xr2:uid="{00000000-000D-0000-FFFF-FFFF00000000}"/>
  </bookViews>
  <sheets>
    <sheet name="行政区別世帯・人口統計表" sheetId="2" r:id="rId1"/>
  </sheets>
  <definedNames>
    <definedName name="_xlnm.Print_Titles" localSheetId="0">行政区別世帯・人口統計表!$1:$6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61" uniqueCount="54">
  <si>
    <t>越来</t>
  </si>
  <si>
    <t>城前</t>
  </si>
  <si>
    <t>照屋</t>
  </si>
  <si>
    <t>安慶田</t>
  </si>
  <si>
    <t>室川</t>
  </si>
  <si>
    <t>住吉</t>
  </si>
  <si>
    <t>嘉間良</t>
  </si>
  <si>
    <t>八重島</t>
  </si>
  <si>
    <t>センター</t>
  </si>
  <si>
    <t>胡屋</t>
  </si>
  <si>
    <t>中の町</t>
  </si>
  <si>
    <t>園田</t>
  </si>
  <si>
    <t>諸見里</t>
  </si>
  <si>
    <t>山内</t>
  </si>
  <si>
    <t>山里</t>
  </si>
  <si>
    <t>久保田</t>
  </si>
  <si>
    <t>南桃原</t>
  </si>
  <si>
    <t>美里</t>
  </si>
  <si>
    <t>宮里</t>
  </si>
  <si>
    <t>吉原</t>
  </si>
  <si>
    <t>松本</t>
  </si>
  <si>
    <t>明道</t>
  </si>
  <si>
    <t>知花</t>
  </si>
  <si>
    <t>登川</t>
  </si>
  <si>
    <t>池原</t>
  </si>
  <si>
    <t>古謝</t>
  </si>
  <si>
    <t>高原</t>
  </si>
  <si>
    <t>大里</t>
  </si>
  <si>
    <t>東桃原</t>
  </si>
  <si>
    <t>比屋根</t>
  </si>
  <si>
    <t>与儀</t>
  </si>
  <si>
    <t>泡瀬</t>
  </si>
  <si>
    <t>泡瀬第一</t>
  </si>
  <si>
    <t>泡瀬第二</t>
  </si>
  <si>
    <t>泡瀬第三</t>
  </si>
  <si>
    <t>東</t>
  </si>
  <si>
    <t>海邦町</t>
  </si>
  <si>
    <t>基地内</t>
  </si>
  <si>
    <t>行政区名</t>
    <rPh sb="0" eb="3">
      <t>ギョウセイク</t>
    </rPh>
    <rPh sb="3" eb="4">
      <t>メ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沖縄市</t>
    <rPh sb="0" eb="3">
      <t>オキナワシ</t>
    </rPh>
    <phoneticPr fontId="18"/>
  </si>
  <si>
    <t>合　計</t>
    <rPh sb="0" eb="1">
      <t>ゴウ</t>
    </rPh>
    <rPh sb="2" eb="3">
      <t>ケイ</t>
    </rPh>
    <phoneticPr fontId="18"/>
  </si>
  <si>
    <t>行政区別世帯・人口統計表</t>
    <rPh sb="0" eb="2">
      <t>ギョウセイ</t>
    </rPh>
    <rPh sb="2" eb="4">
      <t>クベツ</t>
    </rPh>
    <rPh sb="4" eb="6">
      <t>セタイ</t>
    </rPh>
    <rPh sb="7" eb="9">
      <t>ジンコウ</t>
    </rPh>
    <rPh sb="9" eb="12">
      <t>トウケイヒョウ</t>
    </rPh>
    <phoneticPr fontId="18"/>
  </si>
  <si>
    <t>令和 7年12月31日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0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21">
    <xf numFmtId="0" fontId="0" fillId="0" borderId="0" xfId="0">
      <alignment vertical="center"/>
    </xf>
    <xf numFmtId="0" fontId="19" fillId="0" borderId="0" xfId="0" applyFont="1">
      <alignment vertical="center"/>
    </xf>
    <xf numFmtId="0" fontId="19" fillId="0" borderId="10" xfId="0" applyFont="1" applyBorder="1">
      <alignment vertical="center"/>
    </xf>
    <xf numFmtId="38" fontId="19" fillId="0" borderId="0" xfId="1" applyFont="1">
      <alignment vertical="center"/>
    </xf>
    <xf numFmtId="55" fontId="19" fillId="0" borderId="0" xfId="1" applyNumberFormat="1" applyFont="1" applyAlignment="1">
      <alignment horizontal="right" vertical="center"/>
    </xf>
    <xf numFmtId="38" fontId="19" fillId="0" borderId="11" xfId="1" applyFont="1" applyBorder="1" applyAlignment="1">
      <alignment horizontal="center" vertical="center"/>
    </xf>
    <xf numFmtId="38" fontId="19" fillId="0" borderId="12" xfId="1" applyFont="1" applyBorder="1" applyAlignment="1">
      <alignment horizontal="center" vertical="center"/>
    </xf>
    <xf numFmtId="38" fontId="19" fillId="0" borderId="13" xfId="1" applyFont="1" applyBorder="1" applyAlignment="1">
      <alignment horizontal="center" vertical="center"/>
    </xf>
    <xf numFmtId="38" fontId="19" fillId="0" borderId="11" xfId="1" applyFont="1" applyBorder="1">
      <alignment vertical="center"/>
    </xf>
    <xf numFmtId="38" fontId="19" fillId="0" borderId="12" xfId="1" applyFont="1" applyBorder="1">
      <alignment vertical="center"/>
    </xf>
    <xf numFmtId="38" fontId="19" fillId="0" borderId="13" xfId="1" applyFont="1" applyBorder="1">
      <alignment vertical="center"/>
    </xf>
    <xf numFmtId="0" fontId="21" fillId="0" borderId="0" xfId="0" applyFont="1">
      <alignment vertical="center"/>
    </xf>
    <xf numFmtId="0" fontId="19" fillId="0" borderId="10" xfId="0" applyFont="1" applyBorder="1" applyAlignment="1">
      <alignment horizontal="center" vertical="center"/>
    </xf>
    <xf numFmtId="38" fontId="19" fillId="0" borderId="14" xfId="1" applyFont="1" applyBorder="1" applyAlignment="1">
      <alignment horizontal="center" vertical="center"/>
    </xf>
    <xf numFmtId="38" fontId="19" fillId="0" borderId="14" xfId="1" applyFont="1" applyBorder="1">
      <alignment vertical="center"/>
    </xf>
    <xf numFmtId="38" fontId="19" fillId="0" borderId="11" xfId="1" applyFont="1" applyFill="1" applyBorder="1">
      <alignment vertical="center"/>
    </xf>
    <xf numFmtId="38" fontId="19" fillId="0" borderId="12" xfId="1" applyFont="1" applyFill="1" applyBorder="1">
      <alignment vertical="center"/>
    </xf>
    <xf numFmtId="38" fontId="19" fillId="0" borderId="14" xfId="1" applyFont="1" applyFill="1" applyBorder="1">
      <alignment vertical="center"/>
    </xf>
    <xf numFmtId="0" fontId="19" fillId="0" borderId="10" xfId="0" applyFont="1" applyBorder="1" applyAlignment="1">
      <alignment horizontal="center" vertical="center"/>
    </xf>
    <xf numFmtId="0" fontId="20" fillId="0" borderId="0" xfId="0" applyFont="1" applyAlignment="1">
      <alignment horizontal="center" vertical="center"/>
    </xf>
    <xf numFmtId="38" fontId="19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CBCC730-B496-4B5A-A39D-8A0F73AF9496}">
  <dimension ref="A1:N52"/>
  <sheetViews>
    <sheetView tabSelected="1" zoomScaleNormal="100" workbookViewId="0">
      <selection activeCell="O1" sqref="O1"/>
    </sheetView>
  </sheetViews>
  <sheetFormatPr defaultColWidth="8.75" defaultRowHeight="13.5" x14ac:dyDescent="0.4"/>
  <cols>
    <col min="1" max="1" width="19.5" style="1" customWidth="1"/>
    <col min="2" max="14" width="8.75" style="3"/>
    <col min="15" max="16384" width="8.75" style="1"/>
  </cols>
  <sheetData>
    <row r="1" spans="1:14" ht="24" x14ac:dyDescent="0.4">
      <c r="A1" s="19" t="s">
        <v>52</v>
      </c>
      <c r="B1" s="19"/>
      <c r="C1" s="19"/>
      <c r="D1" s="19"/>
      <c r="E1" s="19"/>
      <c r="F1" s="19"/>
      <c r="G1" s="19"/>
      <c r="H1" s="19"/>
      <c r="I1" s="19"/>
      <c r="J1" s="19"/>
      <c r="K1" s="19"/>
      <c r="L1" s="19"/>
      <c r="M1" s="19"/>
      <c r="N1" s="19"/>
    </row>
    <row r="2" spans="1:14" ht="15" customHeight="1" x14ac:dyDescent="0.4"/>
    <row r="3" spans="1:14" ht="18.75" x14ac:dyDescent="0.4">
      <c r="A3" s="11" t="s">
        <v>50</v>
      </c>
      <c r="N3" s="4" t="s">
        <v>53</v>
      </c>
    </row>
    <row r="4" spans="1:14" ht="15" customHeight="1" x14ac:dyDescent="0.4">
      <c r="A4" s="18" t="s">
        <v>38</v>
      </c>
      <c r="B4" s="20" t="s">
        <v>45</v>
      </c>
      <c r="C4" s="20"/>
      <c r="D4" s="20"/>
      <c r="E4" s="20"/>
      <c r="F4" s="20" t="s">
        <v>46</v>
      </c>
      <c r="G4" s="20"/>
      <c r="H4" s="20"/>
      <c r="I4" s="20"/>
      <c r="J4" s="20"/>
      <c r="K4" s="20"/>
      <c r="L4" s="20"/>
      <c r="M4" s="20"/>
      <c r="N4" s="20"/>
    </row>
    <row r="5" spans="1:14" ht="15" customHeight="1" x14ac:dyDescent="0.4">
      <c r="A5" s="18"/>
      <c r="B5" s="20"/>
      <c r="C5" s="20"/>
      <c r="D5" s="20"/>
      <c r="E5" s="20"/>
      <c r="F5" s="20" t="s">
        <v>47</v>
      </c>
      <c r="G5" s="20"/>
      <c r="H5" s="20"/>
      <c r="I5" s="20" t="s">
        <v>48</v>
      </c>
      <c r="J5" s="20"/>
      <c r="K5" s="20"/>
      <c r="L5" s="20" t="s">
        <v>49</v>
      </c>
      <c r="M5" s="20"/>
      <c r="N5" s="20"/>
    </row>
    <row r="6" spans="1:14" ht="15" customHeight="1" x14ac:dyDescent="0.4">
      <c r="A6" s="18"/>
      <c r="B6" s="5" t="s">
        <v>42</v>
      </c>
      <c r="C6" s="6" t="s">
        <v>43</v>
      </c>
      <c r="D6" s="13" t="s">
        <v>44</v>
      </c>
      <c r="E6" s="7" t="s">
        <v>41</v>
      </c>
      <c r="F6" s="5" t="s">
        <v>39</v>
      </c>
      <c r="G6" s="6" t="s">
        <v>40</v>
      </c>
      <c r="H6" s="7" t="s">
        <v>41</v>
      </c>
      <c r="I6" s="5" t="s">
        <v>39</v>
      </c>
      <c r="J6" s="6" t="s">
        <v>40</v>
      </c>
      <c r="K6" s="7" t="s">
        <v>41</v>
      </c>
      <c r="L6" s="5" t="s">
        <v>39</v>
      </c>
      <c r="M6" s="6" t="s">
        <v>40</v>
      </c>
      <c r="N6" s="7" t="s">
        <v>41</v>
      </c>
    </row>
    <row r="7" spans="1:14" ht="18" customHeight="1" x14ac:dyDescent="0.4">
      <c r="A7" s="2" t="s">
        <v>0</v>
      </c>
      <c r="B7" s="15">
        <v>1131</v>
      </c>
      <c r="C7" s="16">
        <v>14</v>
      </c>
      <c r="D7" s="17">
        <v>5</v>
      </c>
      <c r="E7" s="10">
        <v>1150</v>
      </c>
      <c r="F7" s="8">
        <v>1191</v>
      </c>
      <c r="G7" s="9">
        <v>1209</v>
      </c>
      <c r="H7" s="10">
        <v>2400</v>
      </c>
      <c r="I7" s="8">
        <v>11</v>
      </c>
      <c r="J7" s="9">
        <v>9</v>
      </c>
      <c r="K7" s="10">
        <v>20</v>
      </c>
      <c r="L7" s="8">
        <v>1202</v>
      </c>
      <c r="M7" s="9">
        <v>1218</v>
      </c>
      <c r="N7" s="10">
        <v>2420</v>
      </c>
    </row>
    <row r="8" spans="1:14" ht="18" customHeight="1" x14ac:dyDescent="0.4">
      <c r="A8" s="2" t="s">
        <v>1</v>
      </c>
      <c r="B8" s="15">
        <v>489</v>
      </c>
      <c r="C8" s="16">
        <v>7</v>
      </c>
      <c r="D8" s="17">
        <v>8</v>
      </c>
      <c r="E8" s="10">
        <v>504</v>
      </c>
      <c r="F8" s="8">
        <v>414</v>
      </c>
      <c r="G8" s="9">
        <v>390</v>
      </c>
      <c r="H8" s="10">
        <v>804</v>
      </c>
      <c r="I8" s="8">
        <v>12</v>
      </c>
      <c r="J8" s="9">
        <v>3</v>
      </c>
      <c r="K8" s="10">
        <v>15</v>
      </c>
      <c r="L8" s="8">
        <v>426</v>
      </c>
      <c r="M8" s="9">
        <v>393</v>
      </c>
      <c r="N8" s="10">
        <v>819</v>
      </c>
    </row>
    <row r="9" spans="1:14" ht="18" customHeight="1" x14ac:dyDescent="0.4">
      <c r="A9" s="2" t="s">
        <v>2</v>
      </c>
      <c r="B9" s="15">
        <v>2293</v>
      </c>
      <c r="C9" s="16">
        <v>31</v>
      </c>
      <c r="D9" s="17">
        <v>9</v>
      </c>
      <c r="E9" s="10">
        <v>2333</v>
      </c>
      <c r="F9" s="8">
        <v>2080</v>
      </c>
      <c r="G9" s="9">
        <v>2088</v>
      </c>
      <c r="H9" s="10">
        <v>4168</v>
      </c>
      <c r="I9" s="8">
        <v>30</v>
      </c>
      <c r="J9" s="9">
        <v>27</v>
      </c>
      <c r="K9" s="10">
        <v>57</v>
      </c>
      <c r="L9" s="8">
        <v>2110</v>
      </c>
      <c r="M9" s="9">
        <v>2115</v>
      </c>
      <c r="N9" s="10">
        <v>4225</v>
      </c>
    </row>
    <row r="10" spans="1:14" ht="18" customHeight="1" x14ac:dyDescent="0.4">
      <c r="A10" s="2" t="s">
        <v>3</v>
      </c>
      <c r="B10" s="15">
        <v>2311</v>
      </c>
      <c r="C10" s="16">
        <v>22</v>
      </c>
      <c r="D10" s="17">
        <v>21</v>
      </c>
      <c r="E10" s="10">
        <v>2354</v>
      </c>
      <c r="F10" s="8">
        <v>2101</v>
      </c>
      <c r="G10" s="9">
        <v>2344</v>
      </c>
      <c r="H10" s="10">
        <v>4445</v>
      </c>
      <c r="I10" s="8">
        <v>23</v>
      </c>
      <c r="J10" s="9">
        <v>29</v>
      </c>
      <c r="K10" s="10">
        <v>52</v>
      </c>
      <c r="L10" s="8">
        <v>2124</v>
      </c>
      <c r="M10" s="9">
        <v>2373</v>
      </c>
      <c r="N10" s="10">
        <v>4497</v>
      </c>
    </row>
    <row r="11" spans="1:14" ht="18" customHeight="1" x14ac:dyDescent="0.4">
      <c r="A11" s="2" t="s">
        <v>4</v>
      </c>
      <c r="B11" s="15">
        <v>1059</v>
      </c>
      <c r="C11" s="16">
        <v>12</v>
      </c>
      <c r="D11" s="17">
        <v>4</v>
      </c>
      <c r="E11" s="10">
        <v>1075</v>
      </c>
      <c r="F11" s="8">
        <v>919</v>
      </c>
      <c r="G11" s="9">
        <v>1039</v>
      </c>
      <c r="H11" s="10">
        <v>1958</v>
      </c>
      <c r="I11" s="8">
        <v>16</v>
      </c>
      <c r="J11" s="9">
        <v>15</v>
      </c>
      <c r="K11" s="10">
        <v>31</v>
      </c>
      <c r="L11" s="8">
        <v>935</v>
      </c>
      <c r="M11" s="9">
        <v>1054</v>
      </c>
      <c r="N11" s="10">
        <v>1989</v>
      </c>
    </row>
    <row r="12" spans="1:14" ht="18" customHeight="1" x14ac:dyDescent="0.4">
      <c r="A12" s="2" t="s">
        <v>5</v>
      </c>
      <c r="B12" s="15">
        <v>731</v>
      </c>
      <c r="C12" s="16">
        <v>5</v>
      </c>
      <c r="D12" s="17">
        <v>4</v>
      </c>
      <c r="E12" s="10">
        <v>740</v>
      </c>
      <c r="F12" s="8">
        <v>670</v>
      </c>
      <c r="G12" s="9">
        <v>684</v>
      </c>
      <c r="H12" s="10">
        <v>1354</v>
      </c>
      <c r="I12" s="8">
        <v>6</v>
      </c>
      <c r="J12" s="9">
        <v>8</v>
      </c>
      <c r="K12" s="10">
        <v>14</v>
      </c>
      <c r="L12" s="8">
        <v>676</v>
      </c>
      <c r="M12" s="9">
        <v>692</v>
      </c>
      <c r="N12" s="10">
        <v>1368</v>
      </c>
    </row>
    <row r="13" spans="1:14" ht="18" customHeight="1" x14ac:dyDescent="0.4">
      <c r="A13" s="2" t="s">
        <v>6</v>
      </c>
      <c r="B13" s="15">
        <v>651</v>
      </c>
      <c r="C13" s="16">
        <v>3</v>
      </c>
      <c r="D13" s="17">
        <v>4</v>
      </c>
      <c r="E13" s="10">
        <v>658</v>
      </c>
      <c r="F13" s="8">
        <v>640</v>
      </c>
      <c r="G13" s="9">
        <v>609</v>
      </c>
      <c r="H13" s="10">
        <v>1249</v>
      </c>
      <c r="I13" s="8">
        <v>5</v>
      </c>
      <c r="J13" s="9">
        <v>6</v>
      </c>
      <c r="K13" s="10">
        <v>11</v>
      </c>
      <c r="L13" s="8">
        <v>645</v>
      </c>
      <c r="M13" s="9">
        <v>615</v>
      </c>
      <c r="N13" s="10">
        <v>1260</v>
      </c>
    </row>
    <row r="14" spans="1:14" ht="18" customHeight="1" x14ac:dyDescent="0.4">
      <c r="A14" s="2" t="s">
        <v>7</v>
      </c>
      <c r="B14" s="15">
        <v>353</v>
      </c>
      <c r="C14" s="16">
        <v>18</v>
      </c>
      <c r="D14" s="17">
        <v>2</v>
      </c>
      <c r="E14" s="10">
        <v>373</v>
      </c>
      <c r="F14" s="8">
        <v>327</v>
      </c>
      <c r="G14" s="9">
        <v>396</v>
      </c>
      <c r="H14" s="10">
        <v>723</v>
      </c>
      <c r="I14" s="8">
        <v>18</v>
      </c>
      <c r="J14" s="9">
        <v>4</v>
      </c>
      <c r="K14" s="10">
        <v>22</v>
      </c>
      <c r="L14" s="8">
        <v>345</v>
      </c>
      <c r="M14" s="9">
        <v>400</v>
      </c>
      <c r="N14" s="10">
        <v>745</v>
      </c>
    </row>
    <row r="15" spans="1:14" ht="18" customHeight="1" x14ac:dyDescent="0.4">
      <c r="A15" s="2" t="s">
        <v>8</v>
      </c>
      <c r="B15" s="15">
        <v>1444</v>
      </c>
      <c r="C15" s="16">
        <v>58</v>
      </c>
      <c r="D15" s="17">
        <v>13</v>
      </c>
      <c r="E15" s="10">
        <v>1515</v>
      </c>
      <c r="F15" s="8">
        <v>1134</v>
      </c>
      <c r="G15" s="9">
        <v>1116</v>
      </c>
      <c r="H15" s="10">
        <v>2250</v>
      </c>
      <c r="I15" s="8">
        <v>54</v>
      </c>
      <c r="J15" s="9">
        <v>32</v>
      </c>
      <c r="K15" s="10">
        <v>86</v>
      </c>
      <c r="L15" s="8">
        <v>1188</v>
      </c>
      <c r="M15" s="9">
        <v>1148</v>
      </c>
      <c r="N15" s="10">
        <v>2336</v>
      </c>
    </row>
    <row r="16" spans="1:14" ht="18" customHeight="1" x14ac:dyDescent="0.4">
      <c r="A16" s="2" t="s">
        <v>9</v>
      </c>
      <c r="B16" s="15">
        <v>3289</v>
      </c>
      <c r="C16" s="16">
        <v>76</v>
      </c>
      <c r="D16" s="17">
        <v>39</v>
      </c>
      <c r="E16" s="10">
        <v>3404</v>
      </c>
      <c r="F16" s="8">
        <v>2959</v>
      </c>
      <c r="G16" s="9">
        <v>3357</v>
      </c>
      <c r="H16" s="10">
        <v>6316</v>
      </c>
      <c r="I16" s="8">
        <v>88</v>
      </c>
      <c r="J16" s="9">
        <v>76</v>
      </c>
      <c r="K16" s="10">
        <v>164</v>
      </c>
      <c r="L16" s="8">
        <v>3047</v>
      </c>
      <c r="M16" s="9">
        <v>3433</v>
      </c>
      <c r="N16" s="10">
        <v>6480</v>
      </c>
    </row>
    <row r="17" spans="1:14" ht="18" customHeight="1" x14ac:dyDescent="0.4">
      <c r="A17" s="2" t="s">
        <v>10</v>
      </c>
      <c r="B17" s="15">
        <v>1950</v>
      </c>
      <c r="C17" s="16">
        <v>60</v>
      </c>
      <c r="D17" s="17">
        <v>14</v>
      </c>
      <c r="E17" s="10">
        <v>2024</v>
      </c>
      <c r="F17" s="8">
        <v>1747</v>
      </c>
      <c r="G17" s="9">
        <v>1845</v>
      </c>
      <c r="H17" s="10">
        <v>3592</v>
      </c>
      <c r="I17" s="8">
        <v>50</v>
      </c>
      <c r="J17" s="9">
        <v>36</v>
      </c>
      <c r="K17" s="10">
        <v>86</v>
      </c>
      <c r="L17" s="8">
        <v>1797</v>
      </c>
      <c r="M17" s="9">
        <v>1881</v>
      </c>
      <c r="N17" s="10">
        <v>3678</v>
      </c>
    </row>
    <row r="18" spans="1:14" ht="18" customHeight="1" x14ac:dyDescent="0.4">
      <c r="A18" s="2" t="s">
        <v>11</v>
      </c>
      <c r="B18" s="15">
        <v>616</v>
      </c>
      <c r="C18" s="16">
        <v>4</v>
      </c>
      <c r="D18" s="17">
        <v>1</v>
      </c>
      <c r="E18" s="10">
        <v>621</v>
      </c>
      <c r="F18" s="8">
        <v>571</v>
      </c>
      <c r="G18" s="9">
        <v>531</v>
      </c>
      <c r="H18" s="10">
        <v>1102</v>
      </c>
      <c r="I18" s="8">
        <v>5</v>
      </c>
      <c r="J18" s="9">
        <v>0</v>
      </c>
      <c r="K18" s="10">
        <v>5</v>
      </c>
      <c r="L18" s="8">
        <v>576</v>
      </c>
      <c r="M18" s="9">
        <v>531</v>
      </c>
      <c r="N18" s="10">
        <v>1107</v>
      </c>
    </row>
    <row r="19" spans="1:14" ht="18" customHeight="1" x14ac:dyDescent="0.4">
      <c r="A19" s="2" t="s">
        <v>12</v>
      </c>
      <c r="B19" s="15">
        <v>2252</v>
      </c>
      <c r="C19" s="16">
        <v>30</v>
      </c>
      <c r="D19" s="17">
        <v>29</v>
      </c>
      <c r="E19" s="10">
        <v>2311</v>
      </c>
      <c r="F19" s="8">
        <v>2075</v>
      </c>
      <c r="G19" s="9">
        <v>2263</v>
      </c>
      <c r="H19" s="10">
        <v>4338</v>
      </c>
      <c r="I19" s="8">
        <v>41</v>
      </c>
      <c r="J19" s="9">
        <v>24</v>
      </c>
      <c r="K19" s="10">
        <v>65</v>
      </c>
      <c r="L19" s="8">
        <v>2116</v>
      </c>
      <c r="M19" s="9">
        <v>2287</v>
      </c>
      <c r="N19" s="10">
        <v>4403</v>
      </c>
    </row>
    <row r="20" spans="1:14" ht="18" customHeight="1" x14ac:dyDescent="0.4">
      <c r="A20" s="2" t="s">
        <v>13</v>
      </c>
      <c r="B20" s="15">
        <v>1667</v>
      </c>
      <c r="C20" s="16">
        <v>17</v>
      </c>
      <c r="D20" s="17">
        <v>15</v>
      </c>
      <c r="E20" s="10">
        <v>1699</v>
      </c>
      <c r="F20" s="8">
        <v>1856</v>
      </c>
      <c r="G20" s="9">
        <v>1958</v>
      </c>
      <c r="H20" s="10">
        <v>3814</v>
      </c>
      <c r="I20" s="8">
        <v>23</v>
      </c>
      <c r="J20" s="9">
        <v>20</v>
      </c>
      <c r="K20" s="10">
        <v>43</v>
      </c>
      <c r="L20" s="8">
        <v>1879</v>
      </c>
      <c r="M20" s="9">
        <v>1978</v>
      </c>
      <c r="N20" s="10">
        <v>3857</v>
      </c>
    </row>
    <row r="21" spans="1:14" ht="18" customHeight="1" x14ac:dyDescent="0.4">
      <c r="A21" s="2" t="s">
        <v>14</v>
      </c>
      <c r="B21" s="15">
        <v>1156</v>
      </c>
      <c r="C21" s="16">
        <v>38</v>
      </c>
      <c r="D21" s="17">
        <v>14</v>
      </c>
      <c r="E21" s="10">
        <v>1208</v>
      </c>
      <c r="F21" s="8">
        <v>1044</v>
      </c>
      <c r="G21" s="9">
        <v>1164</v>
      </c>
      <c r="H21" s="10">
        <v>2208</v>
      </c>
      <c r="I21" s="8">
        <v>39</v>
      </c>
      <c r="J21" s="9">
        <v>29</v>
      </c>
      <c r="K21" s="10">
        <v>68</v>
      </c>
      <c r="L21" s="8">
        <v>1083</v>
      </c>
      <c r="M21" s="9">
        <v>1193</v>
      </c>
      <c r="N21" s="10">
        <v>2276</v>
      </c>
    </row>
    <row r="22" spans="1:14" ht="18" customHeight="1" x14ac:dyDescent="0.4">
      <c r="A22" s="2" t="s">
        <v>15</v>
      </c>
      <c r="B22" s="15">
        <v>1028</v>
      </c>
      <c r="C22" s="16">
        <v>22</v>
      </c>
      <c r="D22" s="17">
        <v>12</v>
      </c>
      <c r="E22" s="10">
        <v>1062</v>
      </c>
      <c r="F22" s="8">
        <v>973</v>
      </c>
      <c r="G22" s="9">
        <v>1019</v>
      </c>
      <c r="H22" s="10">
        <v>1992</v>
      </c>
      <c r="I22" s="8">
        <v>31</v>
      </c>
      <c r="J22" s="9">
        <v>16</v>
      </c>
      <c r="K22" s="10">
        <v>47</v>
      </c>
      <c r="L22" s="8">
        <v>1004</v>
      </c>
      <c r="M22" s="9">
        <v>1035</v>
      </c>
      <c r="N22" s="10">
        <v>2039</v>
      </c>
    </row>
    <row r="23" spans="1:14" ht="18" customHeight="1" x14ac:dyDescent="0.4">
      <c r="A23" s="2" t="s">
        <v>16</v>
      </c>
      <c r="B23" s="15">
        <v>2181</v>
      </c>
      <c r="C23" s="16">
        <v>36</v>
      </c>
      <c r="D23" s="17">
        <v>22</v>
      </c>
      <c r="E23" s="10">
        <v>2239</v>
      </c>
      <c r="F23" s="8">
        <v>2343</v>
      </c>
      <c r="G23" s="9">
        <v>2576</v>
      </c>
      <c r="H23" s="10">
        <v>4919</v>
      </c>
      <c r="I23" s="8">
        <v>43</v>
      </c>
      <c r="J23" s="9">
        <v>34</v>
      </c>
      <c r="K23" s="10">
        <v>77</v>
      </c>
      <c r="L23" s="8">
        <v>2386</v>
      </c>
      <c r="M23" s="9">
        <v>2610</v>
      </c>
      <c r="N23" s="10">
        <v>4996</v>
      </c>
    </row>
    <row r="24" spans="1:14" ht="18" customHeight="1" x14ac:dyDescent="0.4">
      <c r="A24" s="2" t="s">
        <v>17</v>
      </c>
      <c r="B24" s="15">
        <v>5303</v>
      </c>
      <c r="C24" s="16">
        <v>81</v>
      </c>
      <c r="D24" s="17">
        <v>45</v>
      </c>
      <c r="E24" s="10">
        <v>5429</v>
      </c>
      <c r="F24" s="8">
        <v>5849</v>
      </c>
      <c r="G24" s="9">
        <v>6460</v>
      </c>
      <c r="H24" s="10">
        <v>12309</v>
      </c>
      <c r="I24" s="8">
        <v>86</v>
      </c>
      <c r="J24" s="9">
        <v>65</v>
      </c>
      <c r="K24" s="10">
        <v>151</v>
      </c>
      <c r="L24" s="8">
        <v>5935</v>
      </c>
      <c r="M24" s="9">
        <v>6525</v>
      </c>
      <c r="N24" s="10">
        <v>12460</v>
      </c>
    </row>
    <row r="25" spans="1:14" ht="18" customHeight="1" x14ac:dyDescent="0.4">
      <c r="A25" s="2" t="s">
        <v>18</v>
      </c>
      <c r="B25" s="15">
        <v>2666</v>
      </c>
      <c r="C25" s="16">
        <v>21</v>
      </c>
      <c r="D25" s="17">
        <v>19</v>
      </c>
      <c r="E25" s="10">
        <v>2706</v>
      </c>
      <c r="F25" s="8">
        <v>2944</v>
      </c>
      <c r="G25" s="9">
        <v>3171</v>
      </c>
      <c r="H25" s="10">
        <v>6115</v>
      </c>
      <c r="I25" s="8">
        <v>27</v>
      </c>
      <c r="J25" s="9">
        <v>26</v>
      </c>
      <c r="K25" s="10">
        <v>53</v>
      </c>
      <c r="L25" s="8">
        <v>2971</v>
      </c>
      <c r="M25" s="9">
        <v>3197</v>
      </c>
      <c r="N25" s="10">
        <v>6168</v>
      </c>
    </row>
    <row r="26" spans="1:14" ht="18" customHeight="1" x14ac:dyDescent="0.4">
      <c r="A26" s="2" t="s">
        <v>19</v>
      </c>
      <c r="B26" s="15">
        <v>281</v>
      </c>
      <c r="C26" s="16">
        <v>3</v>
      </c>
      <c r="D26" s="17">
        <v>0</v>
      </c>
      <c r="E26" s="10">
        <v>284</v>
      </c>
      <c r="F26" s="8">
        <v>216</v>
      </c>
      <c r="G26" s="9">
        <v>210</v>
      </c>
      <c r="H26" s="10">
        <v>426</v>
      </c>
      <c r="I26" s="15">
        <v>3</v>
      </c>
      <c r="J26" s="16">
        <v>0</v>
      </c>
      <c r="K26" s="10">
        <v>3</v>
      </c>
      <c r="L26" s="8">
        <v>219</v>
      </c>
      <c r="M26" s="9">
        <v>210</v>
      </c>
      <c r="N26" s="10">
        <v>429</v>
      </c>
    </row>
    <row r="27" spans="1:14" ht="18" customHeight="1" x14ac:dyDescent="0.4">
      <c r="A27" s="2" t="s">
        <v>20</v>
      </c>
      <c r="B27" s="15">
        <v>1991</v>
      </c>
      <c r="C27" s="16">
        <v>26</v>
      </c>
      <c r="D27" s="17">
        <v>14</v>
      </c>
      <c r="E27" s="10">
        <v>2031</v>
      </c>
      <c r="F27" s="8">
        <v>2062</v>
      </c>
      <c r="G27" s="9">
        <v>2085</v>
      </c>
      <c r="H27" s="10">
        <v>4147</v>
      </c>
      <c r="I27" s="8">
        <v>22</v>
      </c>
      <c r="J27" s="9">
        <v>25</v>
      </c>
      <c r="K27" s="10">
        <v>47</v>
      </c>
      <c r="L27" s="8">
        <v>2084</v>
      </c>
      <c r="M27" s="9">
        <v>2110</v>
      </c>
      <c r="N27" s="10">
        <v>4194</v>
      </c>
    </row>
    <row r="28" spans="1:14" ht="18" customHeight="1" x14ac:dyDescent="0.4">
      <c r="A28" s="2" t="s">
        <v>21</v>
      </c>
      <c r="B28" s="15">
        <v>898</v>
      </c>
      <c r="C28" s="16">
        <v>20</v>
      </c>
      <c r="D28" s="17">
        <v>6</v>
      </c>
      <c r="E28" s="10">
        <v>924</v>
      </c>
      <c r="F28" s="8">
        <v>1038</v>
      </c>
      <c r="G28" s="9">
        <v>1030</v>
      </c>
      <c r="H28" s="10">
        <v>2068</v>
      </c>
      <c r="I28" s="8">
        <v>24</v>
      </c>
      <c r="J28" s="9">
        <v>10</v>
      </c>
      <c r="K28" s="10">
        <v>34</v>
      </c>
      <c r="L28" s="8">
        <v>1062</v>
      </c>
      <c r="M28" s="9">
        <v>1040</v>
      </c>
      <c r="N28" s="10">
        <v>2102</v>
      </c>
    </row>
    <row r="29" spans="1:14" ht="18" customHeight="1" x14ac:dyDescent="0.4">
      <c r="A29" s="2" t="s">
        <v>22</v>
      </c>
      <c r="B29" s="15">
        <v>2631</v>
      </c>
      <c r="C29" s="16">
        <v>50</v>
      </c>
      <c r="D29" s="17">
        <v>22</v>
      </c>
      <c r="E29" s="10">
        <v>2703</v>
      </c>
      <c r="F29" s="8">
        <v>2539</v>
      </c>
      <c r="G29" s="9">
        <v>2645</v>
      </c>
      <c r="H29" s="10">
        <v>5184</v>
      </c>
      <c r="I29" s="8">
        <v>59</v>
      </c>
      <c r="J29" s="9">
        <v>45</v>
      </c>
      <c r="K29" s="10">
        <v>104</v>
      </c>
      <c r="L29" s="8">
        <v>2598</v>
      </c>
      <c r="M29" s="9">
        <v>2690</v>
      </c>
      <c r="N29" s="10">
        <v>5288</v>
      </c>
    </row>
    <row r="30" spans="1:14" ht="18" customHeight="1" x14ac:dyDescent="0.4">
      <c r="A30" s="2" t="s">
        <v>23</v>
      </c>
      <c r="B30" s="15">
        <v>2612</v>
      </c>
      <c r="C30" s="16">
        <v>120</v>
      </c>
      <c r="D30" s="17">
        <v>15</v>
      </c>
      <c r="E30" s="10">
        <v>2747</v>
      </c>
      <c r="F30" s="8">
        <v>2817</v>
      </c>
      <c r="G30" s="9">
        <v>3012</v>
      </c>
      <c r="H30" s="10">
        <v>5829</v>
      </c>
      <c r="I30" s="8">
        <v>98</v>
      </c>
      <c r="J30" s="9">
        <v>41</v>
      </c>
      <c r="K30" s="10">
        <v>139</v>
      </c>
      <c r="L30" s="8">
        <v>2915</v>
      </c>
      <c r="M30" s="9">
        <v>3053</v>
      </c>
      <c r="N30" s="10">
        <v>5968</v>
      </c>
    </row>
    <row r="31" spans="1:14" ht="18" customHeight="1" x14ac:dyDescent="0.4">
      <c r="A31" s="2" t="s">
        <v>24</v>
      </c>
      <c r="B31" s="15">
        <v>1295</v>
      </c>
      <c r="C31" s="16">
        <v>20</v>
      </c>
      <c r="D31" s="17">
        <v>15</v>
      </c>
      <c r="E31" s="10">
        <v>1330</v>
      </c>
      <c r="F31" s="8">
        <v>1282</v>
      </c>
      <c r="G31" s="9">
        <v>1382</v>
      </c>
      <c r="H31" s="10">
        <v>2664</v>
      </c>
      <c r="I31" s="8">
        <v>29</v>
      </c>
      <c r="J31" s="9">
        <v>14</v>
      </c>
      <c r="K31" s="10">
        <v>43</v>
      </c>
      <c r="L31" s="8">
        <v>1311</v>
      </c>
      <c r="M31" s="9">
        <v>1396</v>
      </c>
      <c r="N31" s="10">
        <v>2707</v>
      </c>
    </row>
    <row r="32" spans="1:14" ht="18" customHeight="1" x14ac:dyDescent="0.4">
      <c r="A32" s="2" t="s">
        <v>25</v>
      </c>
      <c r="B32" s="15">
        <v>2786</v>
      </c>
      <c r="C32" s="16">
        <v>58</v>
      </c>
      <c r="D32" s="17">
        <v>28</v>
      </c>
      <c r="E32" s="10">
        <v>2872</v>
      </c>
      <c r="F32" s="8">
        <v>3165</v>
      </c>
      <c r="G32" s="9">
        <v>3229</v>
      </c>
      <c r="H32" s="10">
        <v>6394</v>
      </c>
      <c r="I32" s="8">
        <v>72</v>
      </c>
      <c r="J32" s="9">
        <v>36</v>
      </c>
      <c r="K32" s="10">
        <v>108</v>
      </c>
      <c r="L32" s="8">
        <v>3237</v>
      </c>
      <c r="M32" s="9">
        <v>3265</v>
      </c>
      <c r="N32" s="10">
        <v>6502</v>
      </c>
    </row>
    <row r="33" spans="1:14" ht="18" customHeight="1" x14ac:dyDescent="0.4">
      <c r="A33" s="2" t="s">
        <v>26</v>
      </c>
      <c r="B33" s="15">
        <v>3831</v>
      </c>
      <c r="C33" s="16">
        <v>84</v>
      </c>
      <c r="D33" s="17">
        <v>48</v>
      </c>
      <c r="E33" s="10">
        <v>3963</v>
      </c>
      <c r="F33" s="8">
        <v>4009</v>
      </c>
      <c r="G33" s="9">
        <v>4478</v>
      </c>
      <c r="H33" s="10">
        <v>8487</v>
      </c>
      <c r="I33" s="8">
        <v>118</v>
      </c>
      <c r="J33" s="9">
        <v>60</v>
      </c>
      <c r="K33" s="10">
        <v>178</v>
      </c>
      <c r="L33" s="8">
        <v>4127</v>
      </c>
      <c r="M33" s="9">
        <v>4538</v>
      </c>
      <c r="N33" s="10">
        <v>8665</v>
      </c>
    </row>
    <row r="34" spans="1:14" ht="18" customHeight="1" x14ac:dyDescent="0.4">
      <c r="A34" s="2" t="s">
        <v>27</v>
      </c>
      <c r="B34" s="15">
        <v>2205</v>
      </c>
      <c r="C34" s="16">
        <v>31</v>
      </c>
      <c r="D34" s="17">
        <v>17</v>
      </c>
      <c r="E34" s="10">
        <v>2253</v>
      </c>
      <c r="F34" s="8">
        <v>2296</v>
      </c>
      <c r="G34" s="9">
        <v>2298</v>
      </c>
      <c r="H34" s="10">
        <v>4594</v>
      </c>
      <c r="I34" s="8">
        <v>31</v>
      </c>
      <c r="J34" s="9">
        <v>27</v>
      </c>
      <c r="K34" s="10">
        <v>58</v>
      </c>
      <c r="L34" s="8">
        <v>2327</v>
      </c>
      <c r="M34" s="9">
        <v>2325</v>
      </c>
      <c r="N34" s="10">
        <v>4652</v>
      </c>
    </row>
    <row r="35" spans="1:14" ht="18" customHeight="1" x14ac:dyDescent="0.4">
      <c r="A35" s="2" t="s">
        <v>28</v>
      </c>
      <c r="B35" s="15">
        <v>454</v>
      </c>
      <c r="C35" s="16">
        <v>2</v>
      </c>
      <c r="D35" s="17">
        <v>4</v>
      </c>
      <c r="E35" s="10">
        <v>460</v>
      </c>
      <c r="F35" s="8">
        <v>540</v>
      </c>
      <c r="G35" s="9">
        <v>575</v>
      </c>
      <c r="H35" s="10">
        <v>1115</v>
      </c>
      <c r="I35" s="8">
        <v>4</v>
      </c>
      <c r="J35" s="9">
        <v>2</v>
      </c>
      <c r="K35" s="10">
        <v>6</v>
      </c>
      <c r="L35" s="8">
        <v>544</v>
      </c>
      <c r="M35" s="9">
        <v>577</v>
      </c>
      <c r="N35" s="10">
        <v>1121</v>
      </c>
    </row>
    <row r="36" spans="1:14" ht="18" customHeight="1" x14ac:dyDescent="0.4">
      <c r="A36" s="2" t="s">
        <v>29</v>
      </c>
      <c r="B36" s="15">
        <v>3250</v>
      </c>
      <c r="C36" s="16">
        <v>91</v>
      </c>
      <c r="D36" s="17">
        <v>46</v>
      </c>
      <c r="E36" s="10">
        <v>3387</v>
      </c>
      <c r="F36" s="8">
        <v>3350</v>
      </c>
      <c r="G36" s="9">
        <v>3614</v>
      </c>
      <c r="H36" s="10">
        <v>6964</v>
      </c>
      <c r="I36" s="8">
        <v>102</v>
      </c>
      <c r="J36" s="9">
        <v>75</v>
      </c>
      <c r="K36" s="10">
        <v>177</v>
      </c>
      <c r="L36" s="8">
        <v>3452</v>
      </c>
      <c r="M36" s="9">
        <v>3689</v>
      </c>
      <c r="N36" s="10">
        <v>7141</v>
      </c>
    </row>
    <row r="37" spans="1:14" ht="18" customHeight="1" x14ac:dyDescent="0.4">
      <c r="A37" s="2" t="s">
        <v>30</v>
      </c>
      <c r="B37" s="15">
        <v>1827</v>
      </c>
      <c r="C37" s="16">
        <v>56</v>
      </c>
      <c r="D37" s="17">
        <v>26</v>
      </c>
      <c r="E37" s="10">
        <v>1909</v>
      </c>
      <c r="F37" s="8">
        <v>1790</v>
      </c>
      <c r="G37" s="9">
        <v>2138</v>
      </c>
      <c r="H37" s="10">
        <v>3928</v>
      </c>
      <c r="I37" s="8">
        <v>67</v>
      </c>
      <c r="J37" s="9">
        <v>44</v>
      </c>
      <c r="K37" s="10">
        <v>111</v>
      </c>
      <c r="L37" s="8">
        <v>1857</v>
      </c>
      <c r="M37" s="9">
        <v>2182</v>
      </c>
      <c r="N37" s="10">
        <v>4039</v>
      </c>
    </row>
    <row r="38" spans="1:14" ht="18" customHeight="1" x14ac:dyDescent="0.4">
      <c r="A38" s="2" t="s">
        <v>31</v>
      </c>
      <c r="B38" s="15">
        <v>4010</v>
      </c>
      <c r="C38" s="16">
        <v>120</v>
      </c>
      <c r="D38" s="17">
        <v>43</v>
      </c>
      <c r="E38" s="10">
        <v>4173</v>
      </c>
      <c r="F38" s="8">
        <v>4283</v>
      </c>
      <c r="G38" s="9">
        <v>4455</v>
      </c>
      <c r="H38" s="10">
        <v>8738</v>
      </c>
      <c r="I38" s="8">
        <v>135</v>
      </c>
      <c r="J38" s="9">
        <v>63</v>
      </c>
      <c r="K38" s="10">
        <v>198</v>
      </c>
      <c r="L38" s="8">
        <v>4418</v>
      </c>
      <c r="M38" s="9">
        <v>4518</v>
      </c>
      <c r="N38" s="10">
        <v>8936</v>
      </c>
    </row>
    <row r="39" spans="1:14" ht="18" customHeight="1" x14ac:dyDescent="0.4">
      <c r="A39" s="2" t="s">
        <v>32</v>
      </c>
      <c r="B39" s="15">
        <v>1482</v>
      </c>
      <c r="C39" s="16">
        <v>30</v>
      </c>
      <c r="D39" s="17">
        <v>14</v>
      </c>
      <c r="E39" s="10">
        <v>1526</v>
      </c>
      <c r="F39" s="8">
        <v>1712</v>
      </c>
      <c r="G39" s="9">
        <v>1892</v>
      </c>
      <c r="H39" s="10">
        <v>3604</v>
      </c>
      <c r="I39" s="8">
        <v>28</v>
      </c>
      <c r="J39" s="9">
        <v>25</v>
      </c>
      <c r="K39" s="10">
        <v>53</v>
      </c>
      <c r="L39" s="8">
        <v>1740</v>
      </c>
      <c r="M39" s="9">
        <v>1917</v>
      </c>
      <c r="N39" s="10">
        <v>3657</v>
      </c>
    </row>
    <row r="40" spans="1:14" ht="18" customHeight="1" x14ac:dyDescent="0.4">
      <c r="A40" s="2" t="s">
        <v>33</v>
      </c>
      <c r="B40" s="15">
        <v>477</v>
      </c>
      <c r="C40" s="16">
        <v>9</v>
      </c>
      <c r="D40" s="17">
        <v>10</v>
      </c>
      <c r="E40" s="10">
        <v>496</v>
      </c>
      <c r="F40" s="8">
        <v>513</v>
      </c>
      <c r="G40" s="9">
        <v>588</v>
      </c>
      <c r="H40" s="10">
        <v>1101</v>
      </c>
      <c r="I40" s="8">
        <v>11</v>
      </c>
      <c r="J40" s="9">
        <v>12</v>
      </c>
      <c r="K40" s="10">
        <v>23</v>
      </c>
      <c r="L40" s="8">
        <v>524</v>
      </c>
      <c r="M40" s="9">
        <v>600</v>
      </c>
      <c r="N40" s="10">
        <v>1124</v>
      </c>
    </row>
    <row r="41" spans="1:14" ht="18" customHeight="1" x14ac:dyDescent="0.4">
      <c r="A41" s="2" t="s">
        <v>34</v>
      </c>
      <c r="B41" s="15">
        <v>1179</v>
      </c>
      <c r="C41" s="16">
        <v>9</v>
      </c>
      <c r="D41" s="17">
        <v>8</v>
      </c>
      <c r="E41" s="10">
        <v>1196</v>
      </c>
      <c r="F41" s="8">
        <v>1186</v>
      </c>
      <c r="G41" s="9">
        <v>1265</v>
      </c>
      <c r="H41" s="10">
        <v>2451</v>
      </c>
      <c r="I41" s="8">
        <v>10</v>
      </c>
      <c r="J41" s="9">
        <v>10</v>
      </c>
      <c r="K41" s="10">
        <v>20</v>
      </c>
      <c r="L41" s="8">
        <v>1196</v>
      </c>
      <c r="M41" s="9">
        <v>1275</v>
      </c>
      <c r="N41" s="10">
        <v>2471</v>
      </c>
    </row>
    <row r="42" spans="1:14" ht="18" customHeight="1" x14ac:dyDescent="0.4">
      <c r="A42" s="2" t="s">
        <v>35</v>
      </c>
      <c r="B42" s="15">
        <v>1173</v>
      </c>
      <c r="C42" s="16">
        <v>19</v>
      </c>
      <c r="D42" s="17">
        <v>5</v>
      </c>
      <c r="E42" s="10">
        <v>1197</v>
      </c>
      <c r="F42" s="8">
        <v>1372</v>
      </c>
      <c r="G42" s="9">
        <v>1443</v>
      </c>
      <c r="H42" s="10">
        <v>2815</v>
      </c>
      <c r="I42" s="8">
        <v>21</v>
      </c>
      <c r="J42" s="9">
        <v>7</v>
      </c>
      <c r="K42" s="10">
        <v>28</v>
      </c>
      <c r="L42" s="8">
        <v>1393</v>
      </c>
      <c r="M42" s="9">
        <v>1450</v>
      </c>
      <c r="N42" s="10">
        <v>2843</v>
      </c>
    </row>
    <row r="43" spans="1:14" ht="18" customHeight="1" x14ac:dyDescent="0.4">
      <c r="A43" s="2" t="s">
        <v>36</v>
      </c>
      <c r="B43" s="15">
        <v>1157</v>
      </c>
      <c r="C43" s="16">
        <v>57</v>
      </c>
      <c r="D43" s="17">
        <v>7</v>
      </c>
      <c r="E43" s="10">
        <v>1221</v>
      </c>
      <c r="F43" s="8">
        <v>1256</v>
      </c>
      <c r="G43" s="9">
        <v>1223</v>
      </c>
      <c r="H43" s="10">
        <v>2479</v>
      </c>
      <c r="I43" s="8">
        <v>29</v>
      </c>
      <c r="J43" s="9">
        <v>44</v>
      </c>
      <c r="K43" s="10">
        <v>73</v>
      </c>
      <c r="L43" s="8">
        <v>1285</v>
      </c>
      <c r="M43" s="9">
        <v>1267</v>
      </c>
      <c r="N43" s="10">
        <v>2552</v>
      </c>
    </row>
    <row r="44" spans="1:14" ht="18" customHeight="1" x14ac:dyDescent="0.4">
      <c r="A44" s="2" t="s">
        <v>37</v>
      </c>
      <c r="B44" s="15">
        <v>163</v>
      </c>
      <c r="C44" s="16">
        <v>3</v>
      </c>
      <c r="D44" s="17">
        <v>0</v>
      </c>
      <c r="E44" s="10">
        <v>166</v>
      </c>
      <c r="F44" s="8">
        <v>110</v>
      </c>
      <c r="G44" s="9">
        <v>181</v>
      </c>
      <c r="H44" s="10">
        <v>291</v>
      </c>
      <c r="I44" s="8">
        <v>2</v>
      </c>
      <c r="J44" s="9">
        <v>5</v>
      </c>
      <c r="K44" s="10">
        <v>7</v>
      </c>
      <c r="L44" s="8">
        <v>112</v>
      </c>
      <c r="M44" s="9">
        <v>186</v>
      </c>
      <c r="N44" s="10">
        <v>298</v>
      </c>
    </row>
    <row r="45" spans="1:14" ht="18" customHeight="1" x14ac:dyDescent="0.4">
      <c r="A45" s="2"/>
      <c r="B45" s="15"/>
      <c r="C45" s="16"/>
      <c r="D45" s="17"/>
      <c r="E45" s="10"/>
      <c r="F45" s="8"/>
      <c r="G45" s="9"/>
      <c r="H45" s="10"/>
      <c r="I45" s="8"/>
      <c r="J45" s="9"/>
      <c r="K45" s="10"/>
      <c r="L45" s="8"/>
      <c r="M45" s="9"/>
      <c r="N45" s="10"/>
    </row>
    <row r="46" spans="1:14" ht="18" customHeight="1" x14ac:dyDescent="0.4">
      <c r="A46" s="2"/>
      <c r="B46" s="15"/>
      <c r="C46" s="16"/>
      <c r="D46" s="17"/>
      <c r="E46" s="10"/>
      <c r="F46" s="8"/>
      <c r="G46" s="9"/>
      <c r="H46" s="10"/>
      <c r="I46" s="8"/>
      <c r="J46" s="9"/>
      <c r="K46" s="10"/>
      <c r="L46" s="8"/>
      <c r="M46" s="9"/>
      <c r="N46" s="10"/>
    </row>
    <row r="47" spans="1:14" ht="18" customHeight="1" x14ac:dyDescent="0.4">
      <c r="A47" s="2"/>
      <c r="B47" s="15"/>
      <c r="C47" s="16"/>
      <c r="D47" s="17"/>
      <c r="E47" s="10"/>
      <c r="F47" s="8"/>
      <c r="G47" s="9"/>
      <c r="H47" s="10"/>
      <c r="I47" s="8"/>
      <c r="J47" s="9"/>
      <c r="K47" s="10"/>
      <c r="L47" s="8"/>
      <c r="M47" s="9"/>
      <c r="N47" s="10"/>
    </row>
    <row r="48" spans="1:14" ht="18" customHeight="1" x14ac:dyDescent="0.4">
      <c r="A48" s="2"/>
      <c r="B48" s="15"/>
      <c r="C48" s="16"/>
      <c r="D48" s="17"/>
      <c r="E48" s="10"/>
      <c r="F48" s="8"/>
      <c r="G48" s="9"/>
      <c r="H48" s="10"/>
      <c r="I48" s="8"/>
      <c r="J48" s="9"/>
      <c r="K48" s="10"/>
      <c r="L48" s="8"/>
      <c r="M48" s="9"/>
      <c r="N48" s="10"/>
    </row>
    <row r="49" spans="1:14" ht="18" customHeight="1" x14ac:dyDescent="0.4">
      <c r="A49" s="2"/>
      <c r="B49" s="8"/>
      <c r="C49" s="9"/>
      <c r="D49" s="14"/>
      <c r="E49" s="10"/>
      <c r="F49" s="8"/>
      <c r="G49" s="9"/>
      <c r="H49" s="10"/>
      <c r="I49" s="8"/>
      <c r="J49" s="9"/>
      <c r="K49" s="10"/>
      <c r="L49" s="8"/>
      <c r="M49" s="9"/>
      <c r="N49" s="10"/>
    </row>
    <row r="50" spans="1:14" ht="18" customHeight="1" x14ac:dyDescent="0.4">
      <c r="A50" s="2"/>
      <c r="B50" s="8"/>
      <c r="C50" s="9"/>
      <c r="D50" s="14"/>
      <c r="E50" s="10"/>
      <c r="F50" s="8"/>
      <c r="G50" s="9"/>
      <c r="H50" s="10"/>
      <c r="I50" s="8"/>
      <c r="J50" s="9"/>
      <c r="K50" s="10"/>
      <c r="L50" s="8"/>
      <c r="M50" s="9"/>
      <c r="N50" s="10"/>
    </row>
    <row r="51" spans="1:14" ht="18" customHeight="1" x14ac:dyDescent="0.4">
      <c r="A51" s="2"/>
      <c r="B51" s="8"/>
      <c r="C51" s="9"/>
      <c r="D51" s="14"/>
      <c r="E51" s="10"/>
      <c r="F51" s="8"/>
      <c r="G51" s="9"/>
      <c r="H51" s="10"/>
      <c r="I51" s="8"/>
      <c r="J51" s="9"/>
      <c r="K51" s="10"/>
      <c r="L51" s="8"/>
      <c r="M51" s="9"/>
      <c r="N51" s="10"/>
    </row>
    <row r="52" spans="1:14" ht="18" customHeight="1" x14ac:dyDescent="0.4">
      <c r="A52" s="12" t="s">
        <v>51</v>
      </c>
      <c r="B52" s="8">
        <v>66272</v>
      </c>
      <c r="C52" s="9">
        <v>1363</v>
      </c>
      <c r="D52" s="14">
        <v>608</v>
      </c>
      <c r="E52" s="10">
        <v>68243</v>
      </c>
      <c r="F52" s="8">
        <v>67373</v>
      </c>
      <c r="G52" s="9">
        <v>71962</v>
      </c>
      <c r="H52" s="10">
        <v>139335</v>
      </c>
      <c r="I52" s="8">
        <v>1473</v>
      </c>
      <c r="J52" s="9">
        <v>1004</v>
      </c>
      <c r="K52" s="10">
        <v>2477</v>
      </c>
      <c r="L52" s="8">
        <v>68846</v>
      </c>
      <c r="M52" s="9">
        <v>72966</v>
      </c>
      <c r="N52" s="10">
        <v>141812</v>
      </c>
    </row>
  </sheetData>
  <mergeCells count="7">
    <mergeCell ref="A4:A6"/>
    <mergeCell ref="A1:N1"/>
    <mergeCell ref="F4:N4"/>
    <mergeCell ref="F5:H5"/>
    <mergeCell ref="I5:K5"/>
    <mergeCell ref="L5:N5"/>
    <mergeCell ref="B4:E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3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行政区別世帯・人口統計表</vt:lpstr>
      <vt:lpstr>行政区別世帯・人口統計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山田　真由美</cp:lastModifiedBy>
  <cp:lastPrinted>2026-01-06T04:19:14Z</cp:lastPrinted>
  <dcterms:created xsi:type="dcterms:W3CDTF">2019-11-13T09:53:37Z</dcterms:created>
  <dcterms:modified xsi:type="dcterms:W3CDTF">2026-01-06T04:19:23Z</dcterms:modified>
</cp:coreProperties>
</file>